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8. EFV set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3" l="1"/>
  <c r="M8" i="3" s="1"/>
  <c r="K8" i="3"/>
  <c r="M9" i="3" l="1"/>
  <c r="L9" i="3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>Elektroporačný elektrofyziologický set</t>
  </si>
  <si>
    <t xml:space="preserve">Predpokladané množstvo MJ na obdobie 12 mes. </t>
  </si>
  <si>
    <t>Sortiment položky č. 1 - Elektroporačný elektrofyziologický set</t>
  </si>
  <si>
    <t xml:space="preserve">Predpokladané množstvo MJ na obdobie 12 mes. 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Elektroporačný elektrofyziologický set</t>
    </r>
  </si>
  <si>
    <t>3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1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4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top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5" xfId="0" applyNumberFormat="1" applyFont="1" applyBorder="1" applyAlignment="1" applyProtection="1">
      <alignment horizontal="right" vertical="center" wrapText="1"/>
      <protection locked="0"/>
    </xf>
    <xf numFmtId="164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27" xfId="0" applyNumberFormat="1" applyFont="1" applyBorder="1" applyAlignment="1" applyProtection="1">
      <alignment horizontal="center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3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164" fontId="2" fillId="5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tabSelected="1" zoomScale="80" zoomScaleNormal="80" workbookViewId="0">
      <selection activeCell="M9" sqref="M9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10" t="s">
        <v>47</v>
      </c>
      <c r="B1" s="110"/>
      <c r="C1" s="110"/>
      <c r="D1" s="110"/>
      <c r="E1" s="110"/>
      <c r="F1" s="110"/>
      <c r="G1" s="110"/>
      <c r="H1" s="110"/>
      <c r="I1" s="110"/>
      <c r="J1" s="110"/>
      <c r="K1" s="110"/>
      <c r="L1" s="110"/>
      <c r="M1" s="110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4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12" customHeight="1" x14ac:dyDescent="0.2">
      <c r="A3" s="116"/>
      <c r="B3" s="116"/>
      <c r="C3" s="116"/>
      <c r="D3" s="116"/>
      <c r="E3" s="116"/>
      <c r="F3" s="116"/>
      <c r="G3" s="116"/>
      <c r="H3" s="116"/>
      <c r="I3" s="116"/>
      <c r="J3" s="116"/>
      <c r="K3" s="116"/>
      <c r="L3" s="116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17" t="s">
        <v>23</v>
      </c>
      <c r="B5" s="119" t="s">
        <v>24</v>
      </c>
      <c r="C5" s="117" t="s">
        <v>41</v>
      </c>
      <c r="D5" s="121" t="s">
        <v>51</v>
      </c>
      <c r="E5" s="123" t="s">
        <v>28</v>
      </c>
      <c r="F5" s="123" t="s">
        <v>29</v>
      </c>
      <c r="G5" s="123" t="s">
        <v>30</v>
      </c>
      <c r="H5" s="88" t="s">
        <v>31</v>
      </c>
      <c r="I5" s="134" t="s">
        <v>44</v>
      </c>
      <c r="J5" s="135"/>
      <c r="K5" s="135"/>
      <c r="L5" s="134" t="s">
        <v>45</v>
      </c>
      <c r="M5" s="136"/>
      <c r="O5" s="31"/>
      <c r="P5" s="31"/>
    </row>
    <row r="6" spans="1:62" s="93" customFormat="1" ht="33" customHeight="1" x14ac:dyDescent="0.25">
      <c r="A6" s="118"/>
      <c r="B6" s="120"/>
      <c r="C6" s="118"/>
      <c r="D6" s="122"/>
      <c r="E6" s="124"/>
      <c r="F6" s="124"/>
      <c r="G6" s="124"/>
      <c r="H6" s="87"/>
      <c r="I6" s="61" t="s">
        <v>25</v>
      </c>
      <c r="J6" s="62" t="s">
        <v>32</v>
      </c>
      <c r="K6" s="63" t="s">
        <v>27</v>
      </c>
      <c r="L6" s="64" t="s">
        <v>25</v>
      </c>
      <c r="M6" s="65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4" t="s">
        <v>18</v>
      </c>
      <c r="J7" s="108" t="s">
        <v>33</v>
      </c>
      <c r="K7" s="107" t="s">
        <v>34</v>
      </c>
      <c r="L7" s="106" t="s">
        <v>35</v>
      </c>
      <c r="M7" s="107" t="s">
        <v>36</v>
      </c>
      <c r="O7" s="35"/>
      <c r="P7" s="109"/>
    </row>
    <row r="8" spans="1:62" s="94" customFormat="1" ht="39.75" customHeight="1" thickBot="1" x14ac:dyDescent="0.3">
      <c r="A8" s="36" t="s">
        <v>0</v>
      </c>
      <c r="B8" s="95" t="s">
        <v>50</v>
      </c>
      <c r="C8" s="96" t="s">
        <v>43</v>
      </c>
      <c r="D8" s="97">
        <v>36</v>
      </c>
      <c r="E8" s="37"/>
      <c r="F8" s="37"/>
      <c r="G8" s="37"/>
      <c r="H8" s="38"/>
      <c r="I8" s="105"/>
      <c r="J8" s="103"/>
      <c r="K8" s="39">
        <f>I8*1.2</f>
        <v>0</v>
      </c>
      <c r="L8" s="40">
        <f>D8*I8</f>
        <v>0</v>
      </c>
      <c r="M8" s="41">
        <f>L8*1.2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8">
        <f>SUM(L8:L8)</f>
        <v>0</v>
      </c>
      <c r="M9" s="79">
        <f>SUM(M8:M8)</f>
        <v>0</v>
      </c>
      <c r="O9" s="45"/>
      <c r="P9" s="45"/>
    </row>
    <row r="10" spans="1:62" s="46" customFormat="1" ht="29.25" customHeight="1" x14ac:dyDescent="0.25">
      <c r="A10" s="113" t="s">
        <v>52</v>
      </c>
      <c r="B10" s="113"/>
      <c r="C10" s="113"/>
      <c r="D10" s="113"/>
      <c r="E10" s="113"/>
      <c r="F10" s="113"/>
      <c r="G10" s="113"/>
      <c r="H10" s="113"/>
      <c r="I10" s="113"/>
      <c r="J10" s="113"/>
      <c r="K10" s="113"/>
    </row>
    <row r="11" spans="1:62" s="31" customFormat="1" ht="33" customHeight="1" x14ac:dyDescent="0.25">
      <c r="A11" s="114" t="s">
        <v>23</v>
      </c>
      <c r="B11" s="114" t="s">
        <v>37</v>
      </c>
      <c r="C11" s="114" t="s">
        <v>38</v>
      </c>
      <c r="D11" s="114" t="s">
        <v>29</v>
      </c>
      <c r="E11" s="114" t="s">
        <v>31</v>
      </c>
      <c r="F11" s="114" t="s">
        <v>39</v>
      </c>
      <c r="G11" s="114" t="s">
        <v>40</v>
      </c>
      <c r="H11" s="111" t="s">
        <v>42</v>
      </c>
      <c r="I11" s="112"/>
      <c r="J11" s="112"/>
      <c r="K11" s="127" t="s">
        <v>53</v>
      </c>
      <c r="L11" s="130"/>
      <c r="M11" s="130"/>
    </row>
    <row r="12" spans="1:62" s="31" customFormat="1" ht="22.5" customHeight="1" x14ac:dyDescent="0.25">
      <c r="A12" s="115"/>
      <c r="B12" s="115"/>
      <c r="C12" s="115"/>
      <c r="D12" s="115"/>
      <c r="E12" s="115"/>
      <c r="F12" s="115"/>
      <c r="G12" s="115"/>
      <c r="H12" s="32" t="s">
        <v>25</v>
      </c>
      <c r="I12" s="33" t="s">
        <v>26</v>
      </c>
      <c r="J12" s="73" t="s">
        <v>27</v>
      </c>
      <c r="K12" s="128"/>
      <c r="L12" s="75"/>
      <c r="M12" s="75"/>
    </row>
    <row r="13" spans="1:62" s="35" customFormat="1" ht="14.1" customHeight="1" x14ac:dyDescent="0.25">
      <c r="A13" s="69" t="s">
        <v>0</v>
      </c>
      <c r="B13" s="47" t="s">
        <v>11</v>
      </c>
      <c r="C13" s="47" t="s">
        <v>12</v>
      </c>
      <c r="D13" s="48" t="s">
        <v>13</v>
      </c>
      <c r="E13" s="49" t="s">
        <v>14</v>
      </c>
      <c r="F13" s="48" t="s">
        <v>15</v>
      </c>
      <c r="G13" s="34" t="s">
        <v>16</v>
      </c>
      <c r="H13" s="50" t="s">
        <v>17</v>
      </c>
      <c r="I13" s="51" t="s">
        <v>18</v>
      </c>
      <c r="J13" s="74" t="s">
        <v>33</v>
      </c>
      <c r="K13" s="77" t="s">
        <v>34</v>
      </c>
      <c r="L13" s="86"/>
      <c r="M13" s="86"/>
      <c r="N13" s="52"/>
      <c r="O13" s="52"/>
      <c r="P13" s="52"/>
      <c r="Q13" s="52"/>
      <c r="R13" s="52"/>
      <c r="S13" s="52"/>
      <c r="T13" s="52"/>
      <c r="U13" s="52"/>
      <c r="V13" s="52"/>
      <c r="W13" s="52"/>
      <c r="X13" s="52"/>
      <c r="Y13" s="52"/>
      <c r="Z13" s="52"/>
      <c r="AA13" s="52"/>
      <c r="AB13" s="52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  <c r="BC13" s="52"/>
      <c r="BD13" s="52"/>
      <c r="BE13" s="52"/>
      <c r="BF13" s="52"/>
      <c r="BG13" s="52"/>
      <c r="BH13" s="52"/>
      <c r="BI13" s="52"/>
      <c r="BJ13" s="52"/>
    </row>
    <row r="14" spans="1:62" s="35" customFormat="1" ht="33" customHeight="1" x14ac:dyDescent="0.25">
      <c r="A14" s="68" t="s">
        <v>0</v>
      </c>
      <c r="B14" s="53" t="s">
        <v>48</v>
      </c>
      <c r="C14" s="54"/>
      <c r="D14" s="66"/>
      <c r="E14" s="66"/>
      <c r="F14" s="66"/>
      <c r="G14" s="66"/>
      <c r="H14" s="81"/>
      <c r="I14" s="83"/>
      <c r="J14" s="82"/>
      <c r="K14" s="131" t="s">
        <v>55</v>
      </c>
      <c r="L14" s="76"/>
      <c r="M14" s="76"/>
    </row>
    <row r="15" spans="1:62" s="35" customFormat="1" ht="33" customHeight="1" x14ac:dyDescent="0.25">
      <c r="A15" s="67" t="s">
        <v>11</v>
      </c>
      <c r="B15" s="55"/>
      <c r="C15" s="56"/>
      <c r="D15" s="67"/>
      <c r="E15" s="67"/>
      <c r="F15" s="67"/>
      <c r="G15" s="68"/>
      <c r="H15" s="81"/>
      <c r="I15" s="83"/>
      <c r="J15" s="82"/>
      <c r="K15" s="132"/>
      <c r="L15" s="76"/>
      <c r="M15" s="76"/>
    </row>
    <row r="16" spans="1:62" s="35" customFormat="1" ht="33" customHeight="1" x14ac:dyDescent="0.25">
      <c r="A16" s="70" t="s">
        <v>12</v>
      </c>
      <c r="B16" s="71"/>
      <c r="C16" s="72"/>
      <c r="D16" s="70"/>
      <c r="E16" s="70"/>
      <c r="F16" s="70"/>
      <c r="G16" s="70"/>
      <c r="H16" s="84"/>
      <c r="I16" s="83"/>
      <c r="J16" s="82"/>
      <c r="K16" s="133"/>
      <c r="L16" s="76"/>
      <c r="M16" s="76"/>
    </row>
    <row r="17" spans="1:13" s="35" customFormat="1" ht="24.75" customHeight="1" x14ac:dyDescent="0.25">
      <c r="A17" s="129" t="s">
        <v>49</v>
      </c>
      <c r="B17" s="129"/>
      <c r="C17" s="129"/>
      <c r="D17" s="129"/>
      <c r="E17" s="129"/>
      <c r="F17" s="129"/>
      <c r="G17" s="129"/>
      <c r="H17" s="129"/>
      <c r="I17" s="129"/>
      <c r="J17" s="129"/>
      <c r="K17" s="129"/>
      <c r="L17" s="76"/>
      <c r="M17" s="76"/>
    </row>
    <row r="18" spans="1:13" s="35" customFormat="1" ht="33" customHeight="1" x14ac:dyDescent="0.25">
      <c r="A18" s="57"/>
      <c r="B18" s="58"/>
      <c r="C18" s="58"/>
      <c r="D18" s="57"/>
      <c r="E18" s="57"/>
      <c r="F18" s="57"/>
      <c r="G18" s="57"/>
      <c r="H18" s="57"/>
      <c r="I18" s="59"/>
      <c r="J18" s="60"/>
      <c r="K18" s="59"/>
      <c r="L18" s="99"/>
    </row>
    <row r="19" spans="1:13" s="17" customFormat="1" ht="20.100000000000001" customHeight="1" x14ac:dyDescent="0.2">
      <c r="A19" s="30" t="s">
        <v>3</v>
      </c>
      <c r="B19" s="30"/>
      <c r="C19" s="125"/>
      <c r="D19" s="125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26"/>
      <c r="D20" s="12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26"/>
      <c r="D21" s="12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5"/>
      <c r="D23" s="125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26"/>
      <c r="D24" s="126"/>
      <c r="E24" s="19"/>
      <c r="F24" s="16"/>
      <c r="G24" s="24" t="s">
        <v>19</v>
      </c>
      <c r="H24" s="140"/>
      <c r="I24" s="140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26"/>
      <c r="D25" s="12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41"/>
      <c r="I26" s="141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39"/>
      <c r="I27" s="139"/>
    </row>
    <row r="28" spans="1:13" s="12" customFormat="1" ht="20.100000000000001" customHeight="1" x14ac:dyDescent="0.2">
      <c r="A28" s="9" t="s">
        <v>2</v>
      </c>
      <c r="B28" s="126"/>
      <c r="C28" s="12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38"/>
      <c r="C29" s="138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37" t="s">
        <v>9</v>
      </c>
      <c r="B32" s="137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L5:M5"/>
    <mergeCell ref="A32:B32"/>
    <mergeCell ref="B28:C28"/>
    <mergeCell ref="B29:C29"/>
    <mergeCell ref="H27:I27"/>
    <mergeCell ref="H24:I24"/>
    <mergeCell ref="H26:I26"/>
    <mergeCell ref="C23:D23"/>
    <mergeCell ref="C24:D24"/>
    <mergeCell ref="C25:D25"/>
    <mergeCell ref="C21:D21"/>
    <mergeCell ref="A11:A12"/>
    <mergeCell ref="B11:B12"/>
    <mergeCell ref="D11:D12"/>
    <mergeCell ref="C19:D19"/>
    <mergeCell ref="C20:D20"/>
    <mergeCell ref="K11:K12"/>
    <mergeCell ref="A17:K17"/>
    <mergeCell ref="L11:M11"/>
    <mergeCell ref="K14:K16"/>
    <mergeCell ref="A1:M1"/>
    <mergeCell ref="H11:J11"/>
    <mergeCell ref="A10:K10"/>
    <mergeCell ref="E11:E12"/>
    <mergeCell ref="F11:F12"/>
    <mergeCell ref="G11:G12"/>
    <mergeCell ref="A3:L3"/>
    <mergeCell ref="A5:A6"/>
    <mergeCell ref="B5:B6"/>
    <mergeCell ref="C5:C6"/>
    <mergeCell ref="D5:D6"/>
    <mergeCell ref="E5:E6"/>
    <mergeCell ref="F5:F6"/>
    <mergeCell ref="C11:C12"/>
    <mergeCell ref="G5:G6"/>
    <mergeCell ref="I5:K5"/>
  </mergeCells>
  <conditionalFormatting sqref="B28:C28">
    <cfRule type="containsBlanks" dxfId="5" priority="21">
      <formula>LEN(TRIM(B28))=0</formula>
    </cfRule>
  </conditionalFormatting>
  <conditionalFormatting sqref="B29:C29">
    <cfRule type="containsBlanks" dxfId="4" priority="20">
      <formula>LEN(TRIM(B29))=0</formula>
    </cfRule>
  </conditionalFormatting>
  <conditionalFormatting sqref="H26:I26">
    <cfRule type="containsBlanks" dxfId="3" priority="7">
      <formula>LEN(TRIM(H26))=0</formula>
    </cfRule>
  </conditionalFormatting>
  <conditionalFormatting sqref="H27:I27">
    <cfRule type="containsBlanks" dxfId="2" priority="6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6-13T12:05:12Z</cp:lastPrinted>
  <dcterms:created xsi:type="dcterms:W3CDTF">2016-07-20T08:41:08Z</dcterms:created>
  <dcterms:modified xsi:type="dcterms:W3CDTF">2023-06-14T06:32:56Z</dcterms:modified>
</cp:coreProperties>
</file>